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94"/>
  <workbookPr defaultThemeVersion="166925"/>
  <mc:AlternateContent xmlns:mc="http://schemas.openxmlformats.org/markup-compatibility/2006">
    <mc:Choice Requires="x15">
      <x15ac:absPath xmlns:x15ac="http://schemas.microsoft.com/office/spreadsheetml/2010/11/ac" url="C:\Users\s1065\Downloads\"/>
    </mc:Choice>
  </mc:AlternateContent>
  <xr:revisionPtr revIDLastSave="0" documentId="8_{1B44E166-FF1C-47D6-A760-6E264A3F9158}" xr6:coauthVersionLast="36" xr6:coauthVersionMax="36" xr10:uidLastSave="{00000000-0000-0000-0000-000000000000}"/>
  <bookViews>
    <workbookView xWindow="0" yWindow="0" windowWidth="21600" windowHeight="9480" xr2:uid="{B8CAA122-FC01-4CA0-A4F5-228BBF1F932E}"/>
  </bookViews>
  <sheets>
    <sheet name="CSR Training Series" sheetId="1" r:id="rId1"/>
  </sheet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5" uniqueCount="112">
  <si>
    <t>Date</t>
    <phoneticPr fontId="1" type="noConversion"/>
  </si>
  <si>
    <t>Time</t>
    <phoneticPr fontId="1" type="noConversion"/>
  </si>
  <si>
    <t>Compulsory</t>
    <phoneticPr fontId="1" type="noConversion"/>
  </si>
  <si>
    <t>10:00-13:00</t>
    <phoneticPr fontId="1" type="noConversion"/>
  </si>
  <si>
    <t>Tiger Chan(Asia Tiger Media Company) </t>
    <phoneticPr fontId="1" type="noConversion"/>
  </si>
  <si>
    <t>14:30-17:30</t>
    <phoneticPr fontId="1" type="noConversion"/>
  </si>
  <si>
    <t>TM (Former Senior Manager – HK design Centre)</t>
    <phoneticPr fontId="1" type="noConversion"/>
  </si>
  <si>
    <t>10:00-21:00</t>
    <phoneticPr fontId="1" type="noConversion"/>
  </si>
  <si>
    <t xml:space="preserve">賽馬會傷健教育營
</t>
    <phoneticPr fontId="1" type="noConversion"/>
  </si>
  <si>
    <t>14:30-17:00</t>
    <phoneticPr fontId="1" type="noConversion"/>
  </si>
  <si>
    <t>The Project Futurus</t>
    <phoneticPr fontId="1" type="noConversion"/>
  </si>
  <si>
    <t>Elective</t>
    <phoneticPr fontId="1" type="noConversion"/>
  </si>
  <si>
    <t>Eldpathy 
歷耆者</t>
    <phoneticPr fontId="1" type="noConversion"/>
  </si>
  <si>
    <t>Hobby HK</t>
    <phoneticPr fontId="1" type="noConversion"/>
  </si>
  <si>
    <t>Zubin Foundation</t>
    <phoneticPr fontId="1" type="noConversion"/>
  </si>
  <si>
    <t>10:30-13:00</t>
    <phoneticPr fontId="1" type="noConversion"/>
  </si>
  <si>
    <t>黑暗劇場</t>
    <phoneticPr fontId="1" type="noConversion"/>
  </si>
  <si>
    <t>Add oil music</t>
    <phoneticPr fontId="1" type="noConversion"/>
  </si>
  <si>
    <t>Art Lab 852</t>
    <phoneticPr fontId="1" type="noConversion"/>
  </si>
  <si>
    <t>名稱(中文)</t>
    <phoneticPr fontId="1" type="noConversion"/>
  </si>
  <si>
    <t>名稱(英文)</t>
    <phoneticPr fontId="1" type="noConversion"/>
  </si>
  <si>
    <t>In today's job market, young professionals must adapt to new communication norms to succeed. Strong communication skills are essential for conveying information clearly and collaborating effectively. Investing in professional development, including improving communication skills, can lead to career advancement and job satisfaction. This workshop offers valuable insight into enhancing communication abilities. Developing strong communication skills equips professionals to tackle modern workplace challenges and achieve their career goals. Don't miss this opportunity to improve your communication skills and advance your career.</t>
    <phoneticPr fontId="1" type="noConversion"/>
  </si>
  <si>
    <t>內容(英文)</t>
    <phoneticPr fontId="1" type="noConversion"/>
  </si>
  <si>
    <t>內容(中文)</t>
    <phoneticPr fontId="1" type="noConversion"/>
  </si>
  <si>
    <t xml:space="preserve"> 今日的就業市場中，年輕人必須具備強而有力的溝通技巧、清晰傳達信息有助加強合作，但應該如何入手? CTgoodjobs將為你提供最新職場資訊，透過訓練幫助你提升溝通能力，制定能夠應對職場挑戰的策略及貼地目標。</t>
    <phoneticPr fontId="1" type="noConversion"/>
  </si>
  <si>
    <t>智能手機和小型相機影片拍攝及剪片技巧工作坊</t>
    <phoneticPr fontId="1" type="noConversion"/>
  </si>
  <si>
    <t xml:space="preserve">This workshop aims to strengthen students video shooting skills, especially for the online promotional video. A video shooting director will be invited as an instructor to teach the students with essential videography techniques such as motion and depth, storytelling, scenery and creating a narrative etc. via simple tools e.g., smartphone and compact camera. This practical workshop will help further strengthen the confidence of students in preparing their promotional video at the final project on this program. </t>
    <phoneticPr fontId="1" type="noConversion"/>
  </si>
  <si>
    <t>本工作坊旨在加強學生的影片拍攝技能，尤其是針對網上宣傳視頻。我們邀請了一位錄影導演作為導師，教授學生基礎的錄影技巧，例如運動和深度、故事情節、風景和創造敘事等，並使用簡單的工具，例如智能手機和小型相機。這個實踐性的工作坊將有助於進一步加強學生在本課程的最終項目中製作宣傳視頻的信心。</t>
    <phoneticPr fontId="1" type="noConversion"/>
  </si>
  <si>
    <t xml:space="preserve">Photo shooting and Video editing training workshop 
</t>
    <phoneticPr fontId="1" type="noConversion"/>
  </si>
  <si>
    <t xml:space="preserve">Photo shooting and Video editing training workshop 
</t>
    <phoneticPr fontId="1" type="noConversion"/>
  </si>
  <si>
    <t>地點(英文)</t>
    <phoneticPr fontId="1" type="noConversion"/>
  </si>
  <si>
    <t>地點(中文)</t>
    <phoneticPr fontId="1" type="noConversion"/>
  </si>
  <si>
    <t>限額</t>
    <phoneticPr fontId="1" type="noConversion"/>
  </si>
  <si>
    <t>必選訓練計劃</t>
    <phoneticPr fontId="1" type="noConversion"/>
  </si>
  <si>
    <t xml:space="preserve">Auditorium, 1/F 
HKCSS, Duke of Windsor Social Service Building, 15 Hennessy Road 
</t>
    <phoneticPr fontId="1" type="noConversion"/>
  </si>
  <si>
    <t xml:space="preserve"> 
香港灣仔軒尼詩道15號溫莎公爵社會服務大廈1樓禮堂 </t>
    <phoneticPr fontId="1" type="noConversion"/>
  </si>
  <si>
    <t>Design thinking is a problem-solving approach that emphasizes empathy, creativity, and iterative prototyping. It can be related to corporate social responsibility (CSR) by using a human-centered approach to address social and environmental challenges. Design thinking can help students to better understand the needs and perspectives of company stakeholders that affected by different actions and to develop more effective and sustainable solutions that align with the CSR goals. By focusing on empathy and creativity, design thinking can help students to identify new opportunities for social and environmental impact, and to engage in the design and implementation of solutions.</t>
    <phoneticPr fontId="1" type="noConversion"/>
  </si>
  <si>
    <t>設計思考或設計思維是一種強調同理心、創造力和迭代原型的解決問題方法。通過以人為中心的方法來解決社會和環境挑戰，可以將其與企業社會責任相關聯。設計思考可以幫助同學更好地理解受不同行為影響的公司利益相關者的需求和觀點，並思考更多有效和可持續的解決方案，以符合企業社會責任目標。通過關注同理心和創造力，設計思考可以幫助同學發現社會和環境影響的新機會，並參與設計和實施解決方案。</t>
    <phoneticPr fontId="1" type="noConversion"/>
  </si>
  <si>
    <t>賽馬會傷健教育營</t>
    <phoneticPr fontId="1" type="noConversion"/>
  </si>
  <si>
    <t>By participating in the PHAB Camp activities, the participants can understand the living experience of the disabled and experience the difficulties of the daily life of the disabled, so as to reduce the misunderstanding of the disabled, and hope that through understanding the concept of disability, the participants can Experience the struggle of the disabled, so as to establish a positive outlook on life.</t>
    <phoneticPr fontId="1" type="noConversion"/>
  </si>
  <si>
    <t xml:space="preserve">Jockey Club PHAB Camp
</t>
    <phoneticPr fontId="1" type="noConversion"/>
  </si>
  <si>
    <t>透過參加「傷健教育營」活動，使參加者瞭解傷殘人士的生活感受，體驗傷殘人士日常生活的困難，以減少對傷殘人士的誤解，並希望透過認識傷健概念，讓參加者體會傷殘人士之奮鬥歷程，從而建立積極之人生觀。</t>
    <phoneticPr fontId="1" type="noConversion"/>
  </si>
  <si>
    <t xml:space="preserve">軟餐製作工作坊 </t>
    <phoneticPr fontId="1" type="noConversion"/>
  </si>
  <si>
    <t>The Project Futurus is a social enterprise that promotes the future of aging. Through our “Softmeal dim sum making workshop”, students will learn about elderly nutrition and dysphagia health. They will develop an understanding on our care food culture and the basic techniques of softmeal production that aims to empower patients with swallowing difficulties to enjoy eating again and promote dignified dining.</t>
    <phoneticPr fontId="1" type="noConversion"/>
  </si>
  <si>
    <t>作爲一所樂齡社企, The Project Futurus致力推動積極正面的樂齡生活。透過我們的「軟餐製作工作坊」製作懷舊點心軟餐，同學能深入了解長者營養及吞嚥健康，認識照護食文化和軟餐製作技巧，讓吞嚥困難患者能重拾飲食的樂趣，推廣有尊嚴飲食。</t>
    <phoneticPr fontId="1" type="noConversion"/>
  </si>
  <si>
    <t xml:space="preserve">Softmeal dim sum making workshop
</t>
    <phoneticPr fontId="1" type="noConversion"/>
  </si>
  <si>
    <t>長者歷耆體驗工作坊</t>
    <phoneticPr fontId="1" type="noConversion"/>
  </si>
  <si>
    <t>The Elderly Simulation Workshop organized by Eldpathy enables participants to experience the different physical conditions of elderly people, from active to weak, through a series of innovative and diversified programs. The workshop consists of 3 parts: 1) VR Nursing Home Simulation: Immersing yourself in the Virtual Reality scenes to experience the living conditions of elderly nursing homes 2) Simulation Suit Experience: Put on a specially designed simuation suit to empathise with the degeneration difficulties of 80 year old elderly person 3) Forever-young baseball challenge: Experience the fun of baseball with our elderly baseball team and learn about the concept of active-ageing. All programs will be supported and led by elderly instructors which create a perfect opportunity for intergenerational dialogue.</t>
    <phoneticPr fontId="1" type="noConversion"/>
  </si>
  <si>
    <t>由社企歷耆者舉辦的「長者歷耆體驗工作坊」透過多元創新的活動，讓參加者體驗長者由活力至體弱的不同狀態，全面認識長者的身心需要，建立同理心。工作坊將分為3部份：(一). VR院舍體驗：透過虛擬實境模擬院舍長者的生活處境，反思長者長期照顧的需要 (二). 高齡模擬衣體驗：穿上特製體驗衣，體驗80歲長者的退化狀態 (三). 不老棒球體驗：與充滿活力的長者棒球隊切磋交流，感受及學習活躍老年的理念。所有活動皆由長者導師協助帶領，與參加者進行跨代交流。</t>
    <phoneticPr fontId="1" type="noConversion"/>
  </si>
  <si>
    <t xml:space="preserve">Elderly Simulation Workshop
</t>
    <phoneticPr fontId="1" type="noConversion"/>
  </si>
  <si>
    <t>尖沙咀少數族裔社區遊</t>
    <phoneticPr fontId="1" type="noConversion"/>
  </si>
  <si>
    <t>The ethnic minority culture ambassadors from WEDO GLOBAL will introduce and guide participants to the Tsim Sha Tsui community where multi-ethnic people live and work. The destinations include Chungking Mansions, Haiphong Road Temporary Market and Kowloon Mosque. Bringing a multi-sensory learning experience to the participants through community visits; multicultural shops and lifestyle items would allow participants to understand and experience South Asian culture, and communicating with cultural ambassadors to understand the challenges they face in Hong Kong due to cultural differences, allowing participants to reflect on their role of global citizens living in a cosmopolitan city.           
Remarks: Worksheets would be provided to the participants to facilitate their learning throughout the journey.</t>
    <phoneticPr fontId="1" type="noConversion"/>
  </si>
  <si>
    <t>少數族裔文化大使將以廣東話介紹並帶領參加者走訪多元族裔人士聚居的尖沙咀社區，參訪地點包括重慶大廈, 海防道臨時街市, 九龍清真寺等。透過社區考察，為參加者帶來多感官的學習體驗；多元文化的特色商店及生活化的物品，能讓參加者認識和體驗南亞文化，並與文化大使交流，了解他們在港生活面對的文化差異，從而反思生活在國際大都會中的世界公民角色。
註︰我們將提供工作紙給參加者，幫助他們記錄和鞏固旅程中的學習重點。</t>
    <phoneticPr fontId="1" type="noConversion"/>
  </si>
  <si>
    <t xml:space="preserve">Community Tour with Ethnic Minority (Tsim Sha Tsui)
</t>
    <phoneticPr fontId="1" type="noConversion"/>
  </si>
  <si>
    <t>人生告白－遺書導讀工作坊</t>
    <phoneticPr fontId="1" type="noConversion"/>
  </si>
  <si>
    <t>The program is tailor-made for sharing engaging teaching strategies in Life Education / Value Education (Life and Death Education) through experiential learning activities (last-wordwriting). In the program, students would be involved in the experiential activities to feel and explore how the message of Life and Death Education is being delivered and employ the applications in schools to enhance the values in Strand One of the Personal, Social and Humanities Education Key Learning Area Curriculum.</t>
    <phoneticPr fontId="1" type="noConversion"/>
  </si>
  <si>
    <t>人生告白－遺書導讀工作坊
通過導讀他人的書信，包括遺書或人生告白書，我們會從不同社會人物了解他們的生死態度、價值觀以及珍而重之的關係。包括父母、愛人、朋友，兄弟姊妹等；從中獲得啟發、反思自己的人生經歷。導師將帶領參加者在小組分享感受，藉此加深個人對生命和人生的啟悟。</t>
    <phoneticPr fontId="1" type="noConversion"/>
  </si>
  <si>
    <t xml:space="preserve">Life and Death Education
</t>
    <phoneticPr fontId="1" type="noConversion"/>
  </si>
  <si>
    <t xml:space="preserve">少數族裔唔中唔英文化體驗行
 </t>
    <phoneticPr fontId="1" type="noConversion"/>
  </si>
  <si>
    <t>Life in Hong Kong relies heavily on Cantonese, English and Putonghua, but when your language competency is taken away, and can only communicate with your body gesture, will you feel a little uneasy, helpless, or even angry? Our ethnic minority youth ambassadors will let you experience a two-hour unspeakable trip to understand the life and troubles of ethnic minorities who "do not speak Chinese or English".</t>
    <phoneticPr fontId="1" type="noConversion"/>
  </si>
  <si>
    <t>香港的生活十分依賴廣東話、英文及普通話，但你卻被抽起說話能力，只能以肢體溝通時，你會否感到一絲不安、無助、甚至憤怒？少數族裔青年大使將讓你體驗一趟有口難言的兩小時，親身體會少數族裔的「唔中唔英」的生活與煩惱。</t>
    <phoneticPr fontId="1" type="noConversion"/>
  </si>
  <si>
    <t xml:space="preserve">Ethnic Minorities Confusing Language Cultural Experience Tour 
</t>
    <phoneticPr fontId="1" type="noConversion"/>
  </si>
  <si>
    <t>「有限」變成企業的「無限」</t>
    <phoneticPr fontId="1" type="noConversion"/>
  </si>
  <si>
    <t>Mr Comma Chan, Founder of Theatre in the Dark, shared his story from losing his sight, job and love to establishing social enterprise, and was selected as one of the top ten outstanding young persons in Hong Kong.  Turning the "limitation" in life into the "infinity" in work. Participants will experience sensory activities and learn the universal design of event planning.</t>
    <phoneticPr fontId="1" type="noConversion"/>
  </si>
  <si>
    <t>由後天失明的陳衍泓(逗點)分享從失明、失業、失戀走到成立社企黑暗劇場、並獲選為香港十大傑出青年的故事，把生命中的「有限」變成企業的「無限」。參加者將以感官活動體驗當中的轉化，並認識活動策劃的通用設計Universal design</t>
    <phoneticPr fontId="1" type="noConversion"/>
  </si>
  <si>
    <t xml:space="preserve">Turning the "limitation" in life into the "infinity" in work
</t>
    <phoneticPr fontId="1" type="noConversion"/>
  </si>
  <si>
    <t>集體填詞工作坊</t>
    <phoneticPr fontId="1" type="noConversion"/>
  </si>
  <si>
    <t>With the help of professional musicians and through interactive discussion, students can express their concern for the society through lyrics co-writing and singing.</t>
    <phoneticPr fontId="1" type="noConversion"/>
  </si>
  <si>
    <t>讓同學透過用舊曲新詞形式，由專業音樂人指導及互動討論，用歌詞同歌聲唱出對社會的關心。</t>
    <phoneticPr fontId="1" type="noConversion"/>
  </si>
  <si>
    <t xml:space="preserve">Lyrics Co-writing Workshop
</t>
    <phoneticPr fontId="1" type="noConversion"/>
  </si>
  <si>
    <t>塗鴉藝術文化工作坊</t>
    <phoneticPr fontId="1" type="noConversion"/>
  </si>
  <si>
    <t xml:space="preserve">The world has seen Graffiti as form of art for years, emphasizing on personal style, self-expression and creativity. The most detailed and finest graffiti are done by stencil graffiti. World-famous graffiti artists such as Banksy are well-known for such skill. 
Students will learn the fundamental techniques of creating stencils, along with knowledge and skills of spray painting . Every student would be able to create their own unique piece of art, and further collaborate with others to create a collective piece. 
 </t>
    <phoneticPr fontId="1" type="noConversion"/>
  </si>
  <si>
    <t xml:space="preserve"> 
世界各地早已視塗鴉為藝術文化之一，強調創作者的個人風格、表達能力及創意發揮，而當中最為精細的便是模板塗鴉。Banksy等世界知名塗鴉藝術家便是以此聞名。
學員在此課程中會學刻製作模板的基本技巧，以及噴畫相關的知識及技巧。每位學員都會親手製作獨一無二的藝術作品，並於課程完結時合作完成一幅集體創作的作品。</t>
    <phoneticPr fontId="1" type="noConversion"/>
  </si>
  <si>
    <t xml:space="preserve">Graffiti workshop
</t>
    <phoneticPr fontId="1" type="noConversion"/>
  </si>
  <si>
    <t>負責人/負責機構</t>
    <phoneticPr fontId="1" type="noConversion"/>
  </si>
  <si>
    <t>香港荃灣德士古道72-76號興業中心地下</t>
    <phoneticPr fontId="1" type="noConversion"/>
  </si>
  <si>
    <t>香港灣仔軒尼詩道15號溫莎公爵社會服務大廈1樓禮堂</t>
    <phoneticPr fontId="1" type="noConversion"/>
  </si>
  <si>
    <t xml:space="preserve">Auditorium, 1/F
HKCSS, Duke of Windsor Social Service Building, 15 Hennessy Road
</t>
    <phoneticPr fontId="1" type="noConversion"/>
  </si>
  <si>
    <t xml:space="preserve">Wedo Global </t>
    <phoneticPr fontId="1" type="noConversion"/>
  </si>
  <si>
    <t>group at Tsim Sha Tsui, Chungking Mansions (TBC)</t>
    <phoneticPr fontId="1" type="noConversion"/>
  </si>
  <si>
    <t>尖沙咀重慶大廈集合 (TBC)</t>
    <phoneticPr fontId="1" type="noConversion"/>
  </si>
  <si>
    <t xml:space="preserve">G/F, Hing Yip Centre
72-76 Texaco Road, Tsuen Wan 
</t>
    <phoneticPr fontId="1" type="noConversion"/>
  </si>
  <si>
    <t xml:space="preserve">CSR Design Thinking workshop
</t>
    <phoneticPr fontId="1" type="noConversion"/>
  </si>
  <si>
    <t xml:space="preserve">CSR Design Thinking workshop
</t>
    <phoneticPr fontId="1" type="noConversion"/>
  </si>
  <si>
    <t>企業社會責任設計思考工作坊</t>
    <phoneticPr fontId="1" type="noConversion"/>
  </si>
  <si>
    <t xml:space="preserve">薄扶林水塘道75號
</t>
    <phoneticPr fontId="1" type="noConversion"/>
  </si>
  <si>
    <t>75 Pok Fu Lam Reservoir Rd, Pok Fu Lam</t>
    <phoneticPr fontId="1" type="noConversion"/>
  </si>
  <si>
    <t>Program Code</t>
    <phoneticPr fontId="1" type="noConversion"/>
  </si>
  <si>
    <t>C01</t>
    <phoneticPr fontId="1" type="noConversion"/>
  </si>
  <si>
    <t>C02</t>
    <phoneticPr fontId="1" type="noConversion"/>
  </si>
  <si>
    <t>Aging Population</t>
    <phoneticPr fontId="1" type="noConversion"/>
  </si>
  <si>
    <t>A01</t>
    <phoneticPr fontId="1" type="noConversion"/>
  </si>
  <si>
    <t>Community Inclusion</t>
    <phoneticPr fontId="1" type="noConversion"/>
  </si>
  <si>
    <t>Social Enterprises &amp; Social Innovation</t>
    <phoneticPr fontId="1" type="noConversion"/>
  </si>
  <si>
    <t>A02-AM</t>
    <phoneticPr fontId="1" type="noConversion"/>
  </si>
  <si>
    <t>A02-PM</t>
    <phoneticPr fontId="1" type="noConversion"/>
  </si>
  <si>
    <t>A03-AM</t>
    <phoneticPr fontId="1" type="noConversion"/>
  </si>
  <si>
    <t>A03-PM</t>
    <phoneticPr fontId="1" type="noConversion"/>
  </si>
  <si>
    <t>A04</t>
    <phoneticPr fontId="1" type="noConversion"/>
  </si>
  <si>
    <t>B01</t>
    <phoneticPr fontId="1" type="noConversion"/>
  </si>
  <si>
    <t>B02</t>
    <phoneticPr fontId="1" type="noConversion"/>
  </si>
  <si>
    <t>C03</t>
    <phoneticPr fontId="1" type="noConversion"/>
  </si>
  <si>
    <t>D01</t>
    <phoneticPr fontId="1" type="noConversion"/>
  </si>
  <si>
    <t>D02</t>
    <phoneticPr fontId="1" type="noConversion"/>
  </si>
  <si>
    <t>D03</t>
    <phoneticPr fontId="1" type="noConversion"/>
  </si>
  <si>
    <t xml:space="preserve">CT goodjobs 
</t>
    <phoneticPr fontId="1" type="noConversion"/>
  </si>
  <si>
    <t xml:space="preserve">Communication and management training for students in respond to New Normal  + Career guide to New Normal (60 mins)  by CT goodjobs
 </t>
    <phoneticPr fontId="1" type="noConversion"/>
  </si>
  <si>
    <t xml:space="preserve">疫後的溝通技巧與管理方法及應對職場挑戰的策略 by CT goodjobs
</t>
    <phoneticPr fontId="1" type="noConversion"/>
  </si>
  <si>
    <t>10:00-13:00
(Program kick off 10:00-11:00)
(CSR Training 11:00-13:00)</t>
    <phoneticPr fontId="1" type="noConversion"/>
  </si>
  <si>
    <t>14:00-17:00</t>
    <phoneticPr fontId="1" type="noConversion"/>
  </si>
  <si>
    <t>group at Tung Chung
MTR Station (Exit B)</t>
    <phoneticPr fontId="1" type="noConversion"/>
  </si>
  <si>
    <t>東涌地鐵站集合 (B出口)</t>
    <phoneticPr fontId="1"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quot;月&quot;d&quot;日&quot;"/>
  </numFmts>
  <fonts count="3" x14ac:knownFonts="1">
    <font>
      <sz val="12"/>
      <color theme="1"/>
      <name val="新細明體"/>
      <family val="2"/>
      <charset val="136"/>
      <scheme val="minor"/>
    </font>
    <font>
      <sz val="9"/>
      <name val="新細明體"/>
      <family val="2"/>
      <charset val="136"/>
      <scheme val="minor"/>
    </font>
    <font>
      <sz val="12"/>
      <color theme="1"/>
      <name val="新細明體"/>
      <family val="1"/>
      <charset val="136"/>
      <scheme val="major"/>
    </font>
  </fonts>
  <fills count="4">
    <fill>
      <patternFill patternType="none"/>
    </fill>
    <fill>
      <patternFill patternType="gray125"/>
    </fill>
    <fill>
      <patternFill patternType="solid">
        <fgColor theme="6"/>
        <bgColor indexed="64"/>
      </patternFill>
    </fill>
    <fill>
      <patternFill patternType="solid">
        <fgColor rgb="FFFFFF0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s>
  <cellStyleXfs count="1">
    <xf numFmtId="0" fontId="0" fillId="0" borderId="0">
      <alignment vertical="center"/>
    </xf>
  </cellStyleXfs>
  <cellXfs count="16">
    <xf numFmtId="0" fontId="0" fillId="0" borderId="0" xfId="0">
      <alignment vertical="center"/>
    </xf>
    <xf numFmtId="0" fontId="0" fillId="0" borderId="1" xfId="0" applyBorder="1">
      <alignment vertical="center"/>
    </xf>
    <xf numFmtId="176" fontId="0" fillId="0" borderId="1" xfId="0" applyNumberFormat="1" applyBorder="1">
      <alignment vertical="center"/>
    </xf>
    <xf numFmtId="0" fontId="0" fillId="0" borderId="1" xfId="0" applyBorder="1" applyAlignment="1">
      <alignment horizontal="left" vertical="top" wrapText="1"/>
    </xf>
    <xf numFmtId="0" fontId="0" fillId="0" borderId="1" xfId="0" applyBorder="1" applyAlignment="1">
      <alignment vertical="center" wrapText="1"/>
    </xf>
    <xf numFmtId="0" fontId="0" fillId="0" borderId="1" xfId="0" applyBorder="1" applyAlignment="1">
      <alignment vertical="top" wrapText="1"/>
    </xf>
    <xf numFmtId="0" fontId="0" fillId="0" borderId="1" xfId="0" applyBorder="1" applyAlignment="1">
      <alignment horizontal="left" vertical="center" wrapText="1"/>
    </xf>
    <xf numFmtId="176" fontId="0" fillId="2" borderId="1" xfId="0" applyNumberFormat="1" applyFill="1" applyBorder="1">
      <alignment vertical="center"/>
    </xf>
    <xf numFmtId="0" fontId="0" fillId="2" borderId="1" xfId="0" applyFill="1" applyBorder="1">
      <alignment vertical="center"/>
    </xf>
    <xf numFmtId="0" fontId="0" fillId="2" borderId="1" xfId="0" applyFill="1" applyBorder="1" applyAlignment="1">
      <alignment vertical="top" wrapText="1"/>
    </xf>
    <xf numFmtId="0" fontId="0" fillId="2" borderId="1" xfId="0" applyFill="1" applyBorder="1" applyAlignment="1">
      <alignment vertical="center" wrapText="1"/>
    </xf>
    <xf numFmtId="0" fontId="2" fillId="0" borderId="1" xfId="0" applyFont="1" applyBorder="1">
      <alignment vertical="center"/>
    </xf>
    <xf numFmtId="0" fontId="0" fillId="3" borderId="2" xfId="0" applyFill="1" applyBorder="1" applyAlignment="1">
      <alignment vertical="top" wrapText="1"/>
    </xf>
    <xf numFmtId="0" fontId="0" fillId="3" borderId="3" xfId="0" applyFill="1" applyBorder="1" applyAlignment="1">
      <alignment vertical="top" wrapText="1"/>
    </xf>
    <xf numFmtId="0" fontId="0" fillId="3" borderId="0" xfId="0" applyFill="1" applyAlignment="1">
      <alignment horizontal="left" vertical="center"/>
    </xf>
    <xf numFmtId="0" fontId="0" fillId="3" borderId="4" xfId="0" applyFill="1" applyBorder="1" applyAlignment="1">
      <alignment horizontal="left" vertical="center"/>
    </xf>
  </cellXfs>
  <cellStyles count="1">
    <cellStyle name="一般"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2ABAE6-6346-436E-8011-AA7F6D0199C8}">
  <dimension ref="A1:M19"/>
  <sheetViews>
    <sheetView tabSelected="1" topLeftCell="E1" zoomScale="85" zoomScaleNormal="85" workbookViewId="0">
      <pane ySplit="1" topLeftCell="A2" activePane="bottomLeft" state="frozen"/>
      <selection pane="bottomLeft" activeCell="J15" sqref="J15"/>
    </sheetView>
  </sheetViews>
  <sheetFormatPr defaultRowHeight="16.5" x14ac:dyDescent="0.25"/>
  <cols>
    <col min="1" max="1" width="13.5" bestFit="1" customWidth="1"/>
    <col min="2" max="5" width="71.75" customWidth="1"/>
    <col min="6" max="6" width="9" bestFit="1" customWidth="1"/>
    <col min="7" max="7" width="16.5" customWidth="1"/>
    <col min="8" max="8" width="16.625" customWidth="1"/>
    <col min="9" max="9" width="19.125" customWidth="1"/>
    <col min="10" max="10" width="18.75" customWidth="1"/>
    <col min="11" max="11" width="6.5" bestFit="1" customWidth="1"/>
    <col min="12" max="13" width="13.75" bestFit="1" customWidth="1"/>
  </cols>
  <sheetData>
    <row r="1" spans="1:13" x14ac:dyDescent="0.25">
      <c r="A1" s="1" t="s">
        <v>87</v>
      </c>
      <c r="B1" s="1" t="s">
        <v>20</v>
      </c>
      <c r="C1" s="1" t="s">
        <v>19</v>
      </c>
      <c r="D1" s="1" t="s">
        <v>22</v>
      </c>
      <c r="E1" s="1" t="s">
        <v>23</v>
      </c>
      <c r="F1" s="1" t="s">
        <v>0</v>
      </c>
      <c r="G1" s="1" t="s">
        <v>1</v>
      </c>
      <c r="H1" s="1" t="s">
        <v>30</v>
      </c>
      <c r="I1" s="1" t="s">
        <v>31</v>
      </c>
      <c r="J1" s="1" t="s">
        <v>74</v>
      </c>
      <c r="K1" s="1" t="s">
        <v>32</v>
      </c>
      <c r="L1" s="1" t="s">
        <v>33</v>
      </c>
      <c r="M1" s="1"/>
    </row>
    <row r="2" spans="1:13" ht="132" x14ac:dyDescent="0.25">
      <c r="A2" s="1" t="s">
        <v>91</v>
      </c>
      <c r="B2" s="3" t="s">
        <v>106</v>
      </c>
      <c r="C2" s="3" t="s">
        <v>107</v>
      </c>
      <c r="D2" s="3" t="s">
        <v>21</v>
      </c>
      <c r="E2" s="3" t="s">
        <v>24</v>
      </c>
      <c r="F2" s="2">
        <v>45093</v>
      </c>
      <c r="G2" s="4" t="s">
        <v>108</v>
      </c>
      <c r="H2" s="4" t="s">
        <v>34</v>
      </c>
      <c r="I2" s="4" t="s">
        <v>35</v>
      </c>
      <c r="J2" s="6" t="s">
        <v>105</v>
      </c>
      <c r="K2" s="1">
        <v>80</v>
      </c>
      <c r="L2" s="1" t="s">
        <v>2</v>
      </c>
      <c r="M2" s="1"/>
    </row>
    <row r="3" spans="1:13" ht="115.5" x14ac:dyDescent="0.25">
      <c r="A3" s="1" t="s">
        <v>94</v>
      </c>
      <c r="B3" s="5" t="s">
        <v>28</v>
      </c>
      <c r="C3" s="5" t="s">
        <v>25</v>
      </c>
      <c r="D3" s="5" t="s">
        <v>26</v>
      </c>
      <c r="E3" s="5" t="s">
        <v>27</v>
      </c>
      <c r="F3" s="2">
        <v>45097</v>
      </c>
      <c r="G3" s="1" t="s">
        <v>3</v>
      </c>
      <c r="H3" s="4" t="s">
        <v>34</v>
      </c>
      <c r="I3" s="4" t="s">
        <v>35</v>
      </c>
      <c r="J3" s="4" t="s">
        <v>4</v>
      </c>
      <c r="K3" s="1">
        <v>40</v>
      </c>
      <c r="L3" s="1" t="s">
        <v>2</v>
      </c>
      <c r="M3" s="1"/>
    </row>
    <row r="4" spans="1:13" ht="115.5" x14ac:dyDescent="0.25">
      <c r="A4" s="1" t="s">
        <v>95</v>
      </c>
      <c r="B4" s="5" t="s">
        <v>29</v>
      </c>
      <c r="C4" s="5" t="s">
        <v>25</v>
      </c>
      <c r="D4" s="5" t="s">
        <v>26</v>
      </c>
      <c r="E4" s="5" t="s">
        <v>27</v>
      </c>
      <c r="F4" s="2">
        <v>45097</v>
      </c>
      <c r="G4" s="1" t="s">
        <v>5</v>
      </c>
      <c r="H4" s="4" t="s">
        <v>34</v>
      </c>
      <c r="I4" s="4" t="s">
        <v>35</v>
      </c>
      <c r="J4" s="4" t="s">
        <v>4</v>
      </c>
      <c r="K4" s="1">
        <v>40</v>
      </c>
      <c r="L4" s="1" t="s">
        <v>2</v>
      </c>
      <c r="M4" s="1"/>
    </row>
    <row r="5" spans="1:13" ht="159" customHeight="1" x14ac:dyDescent="0.25">
      <c r="A5" s="1" t="s">
        <v>96</v>
      </c>
      <c r="B5" s="5" t="s">
        <v>83</v>
      </c>
      <c r="C5" s="5" t="s">
        <v>84</v>
      </c>
      <c r="D5" s="5" t="s">
        <v>36</v>
      </c>
      <c r="E5" s="5" t="s">
        <v>37</v>
      </c>
      <c r="F5" s="2">
        <v>45098</v>
      </c>
      <c r="G5" s="1" t="s">
        <v>3</v>
      </c>
      <c r="H5" s="4" t="s">
        <v>34</v>
      </c>
      <c r="I5" s="4" t="s">
        <v>35</v>
      </c>
      <c r="J5" s="4" t="s">
        <v>6</v>
      </c>
      <c r="K5" s="1">
        <v>40</v>
      </c>
      <c r="L5" s="1" t="s">
        <v>2</v>
      </c>
      <c r="M5" s="1"/>
    </row>
    <row r="6" spans="1:13" ht="144" customHeight="1" x14ac:dyDescent="0.25">
      <c r="A6" s="1" t="s">
        <v>97</v>
      </c>
      <c r="B6" s="5" t="s">
        <v>82</v>
      </c>
      <c r="C6" s="5" t="s">
        <v>84</v>
      </c>
      <c r="D6" s="5" t="s">
        <v>36</v>
      </c>
      <c r="E6" s="5" t="s">
        <v>37</v>
      </c>
      <c r="F6" s="2">
        <v>45098</v>
      </c>
      <c r="G6" s="1" t="s">
        <v>5</v>
      </c>
      <c r="H6" s="4" t="s">
        <v>34</v>
      </c>
      <c r="I6" s="4" t="s">
        <v>35</v>
      </c>
      <c r="J6" s="4" t="s">
        <v>6</v>
      </c>
      <c r="K6" s="1">
        <v>40</v>
      </c>
      <c r="L6" s="1" t="s">
        <v>2</v>
      </c>
      <c r="M6" s="1"/>
    </row>
    <row r="7" spans="1:13" ht="82.5" x14ac:dyDescent="0.25">
      <c r="A7" s="1" t="s">
        <v>98</v>
      </c>
      <c r="B7" s="5" t="s">
        <v>40</v>
      </c>
      <c r="C7" s="5" t="s">
        <v>38</v>
      </c>
      <c r="D7" s="5" t="s">
        <v>39</v>
      </c>
      <c r="E7" s="5" t="s">
        <v>41</v>
      </c>
      <c r="F7" s="2">
        <v>45100</v>
      </c>
      <c r="G7" s="1" t="s">
        <v>7</v>
      </c>
      <c r="H7" s="4" t="s">
        <v>86</v>
      </c>
      <c r="I7" s="4" t="s">
        <v>85</v>
      </c>
      <c r="J7" s="4" t="s">
        <v>8</v>
      </c>
      <c r="K7" s="1">
        <v>80</v>
      </c>
      <c r="L7" s="1" t="s">
        <v>2</v>
      </c>
      <c r="M7" s="1"/>
    </row>
    <row r="8" spans="1:13" ht="25.9" customHeight="1" x14ac:dyDescent="0.25">
      <c r="A8" s="9"/>
      <c r="B8" s="9"/>
      <c r="C8" s="9"/>
      <c r="D8" s="9"/>
      <c r="E8" s="9"/>
      <c r="F8" s="7"/>
      <c r="G8" s="8"/>
      <c r="H8" s="10"/>
      <c r="I8" s="10"/>
      <c r="J8" s="10"/>
      <c r="K8" s="8"/>
      <c r="L8" s="8"/>
      <c r="M8" s="8"/>
    </row>
    <row r="9" spans="1:13" ht="25.9" customHeight="1" x14ac:dyDescent="0.25">
      <c r="A9" s="12" t="s">
        <v>90</v>
      </c>
      <c r="B9" s="12"/>
      <c r="C9" s="12"/>
      <c r="D9" s="12"/>
      <c r="E9" s="12"/>
      <c r="F9" s="12"/>
      <c r="G9" s="12"/>
      <c r="H9" s="12"/>
      <c r="I9" s="12"/>
      <c r="J9" s="12"/>
      <c r="K9" s="12"/>
      <c r="L9" s="12"/>
      <c r="M9" s="13"/>
    </row>
    <row r="10" spans="1:13" ht="102" customHeight="1" x14ac:dyDescent="0.25">
      <c r="A10" s="1" t="s">
        <v>99</v>
      </c>
      <c r="B10" s="5" t="s">
        <v>45</v>
      </c>
      <c r="C10" s="5" t="s">
        <v>42</v>
      </c>
      <c r="D10" s="5" t="s">
        <v>43</v>
      </c>
      <c r="E10" s="5" t="s">
        <v>44</v>
      </c>
      <c r="F10" s="2">
        <v>45104</v>
      </c>
      <c r="G10" s="1" t="s">
        <v>9</v>
      </c>
      <c r="H10" s="4" t="s">
        <v>81</v>
      </c>
      <c r="I10" s="4" t="s">
        <v>75</v>
      </c>
      <c r="J10" s="4" t="s">
        <v>10</v>
      </c>
      <c r="K10" s="1">
        <v>20</v>
      </c>
      <c r="L10" s="4" t="s">
        <v>11</v>
      </c>
      <c r="M10" s="4"/>
    </row>
    <row r="11" spans="1:13" ht="193.5" customHeight="1" x14ac:dyDescent="0.25">
      <c r="A11" s="1" t="s">
        <v>100</v>
      </c>
      <c r="B11" s="5" t="s">
        <v>49</v>
      </c>
      <c r="C11" s="5" t="s">
        <v>46</v>
      </c>
      <c r="D11" s="5" t="s">
        <v>47</v>
      </c>
      <c r="E11" s="5" t="s">
        <v>48</v>
      </c>
      <c r="F11" s="2">
        <v>45105</v>
      </c>
      <c r="G11" s="1" t="s">
        <v>9</v>
      </c>
      <c r="H11" s="4" t="s">
        <v>34</v>
      </c>
      <c r="I11" s="4" t="s">
        <v>35</v>
      </c>
      <c r="J11" s="4" t="s">
        <v>12</v>
      </c>
      <c r="K11" s="1">
        <v>20</v>
      </c>
      <c r="L11" s="4" t="s">
        <v>11</v>
      </c>
      <c r="M11" s="4"/>
    </row>
    <row r="12" spans="1:13" ht="25.5" customHeight="1" x14ac:dyDescent="0.25">
      <c r="A12" s="14" t="s">
        <v>92</v>
      </c>
      <c r="B12" s="14"/>
      <c r="C12" s="14"/>
      <c r="D12" s="14"/>
      <c r="E12" s="14"/>
      <c r="F12" s="14"/>
      <c r="G12" s="14"/>
      <c r="H12" s="14"/>
      <c r="I12" s="14"/>
      <c r="J12" s="14"/>
      <c r="K12" s="14"/>
      <c r="L12" s="14"/>
      <c r="M12" s="15"/>
    </row>
    <row r="13" spans="1:13" ht="216.75" customHeight="1" x14ac:dyDescent="0.25">
      <c r="A13" s="1" t="s">
        <v>88</v>
      </c>
      <c r="B13" s="5" t="s">
        <v>53</v>
      </c>
      <c r="C13" s="5" t="s">
        <v>50</v>
      </c>
      <c r="D13" s="5" t="s">
        <v>51</v>
      </c>
      <c r="E13" s="5" t="s">
        <v>52</v>
      </c>
      <c r="F13" s="2">
        <v>45096</v>
      </c>
      <c r="G13" s="1" t="s">
        <v>9</v>
      </c>
      <c r="H13" s="4" t="s">
        <v>79</v>
      </c>
      <c r="I13" s="4" t="s">
        <v>80</v>
      </c>
      <c r="J13" s="11" t="s">
        <v>78</v>
      </c>
      <c r="K13" s="1">
        <v>20</v>
      </c>
      <c r="L13" s="4" t="s">
        <v>11</v>
      </c>
      <c r="M13" s="4"/>
    </row>
    <row r="14" spans="1:13" ht="99" x14ac:dyDescent="0.25">
      <c r="A14" s="1" t="s">
        <v>89</v>
      </c>
      <c r="B14" s="5" t="s">
        <v>57</v>
      </c>
      <c r="C14" s="5" t="s">
        <v>54</v>
      </c>
      <c r="D14" s="5" t="s">
        <v>55</v>
      </c>
      <c r="E14" s="5" t="s">
        <v>56</v>
      </c>
      <c r="F14" s="2">
        <v>45103</v>
      </c>
      <c r="G14" s="1" t="s">
        <v>9</v>
      </c>
      <c r="H14" s="4" t="s">
        <v>77</v>
      </c>
      <c r="I14" s="4" t="s">
        <v>76</v>
      </c>
      <c r="J14" s="4" t="s">
        <v>13</v>
      </c>
      <c r="K14" s="1">
        <v>20</v>
      </c>
      <c r="L14" s="4" t="s">
        <v>11</v>
      </c>
      <c r="M14" s="4"/>
    </row>
    <row r="15" spans="1:13" ht="99" x14ac:dyDescent="0.25">
      <c r="A15" s="1" t="s">
        <v>101</v>
      </c>
      <c r="B15" s="5" t="s">
        <v>61</v>
      </c>
      <c r="C15" s="5" t="s">
        <v>58</v>
      </c>
      <c r="D15" s="5" t="s">
        <v>59</v>
      </c>
      <c r="E15" s="5" t="s">
        <v>60</v>
      </c>
      <c r="F15" s="2">
        <v>45106</v>
      </c>
      <c r="G15" s="1" t="s">
        <v>109</v>
      </c>
      <c r="H15" s="4" t="s">
        <v>110</v>
      </c>
      <c r="I15" s="4" t="s">
        <v>111</v>
      </c>
      <c r="J15" s="4" t="s">
        <v>14</v>
      </c>
      <c r="K15" s="1">
        <v>20</v>
      </c>
      <c r="L15" s="4" t="s">
        <v>11</v>
      </c>
      <c r="M15" s="4"/>
    </row>
    <row r="16" spans="1:13" x14ac:dyDescent="0.25">
      <c r="A16" s="14" t="s">
        <v>93</v>
      </c>
      <c r="B16" s="14"/>
      <c r="C16" s="14"/>
      <c r="D16" s="14"/>
      <c r="E16" s="14"/>
      <c r="F16" s="14"/>
      <c r="G16" s="14"/>
      <c r="H16" s="14"/>
      <c r="I16" s="14"/>
      <c r="J16" s="14"/>
      <c r="K16" s="14"/>
      <c r="L16" s="14"/>
      <c r="M16" s="15"/>
    </row>
    <row r="17" spans="1:13" ht="99" x14ac:dyDescent="0.25">
      <c r="A17" s="1" t="s">
        <v>102</v>
      </c>
      <c r="B17" s="5" t="s">
        <v>65</v>
      </c>
      <c r="C17" s="5" t="s">
        <v>62</v>
      </c>
      <c r="D17" s="5" t="s">
        <v>63</v>
      </c>
      <c r="E17" s="5" t="s">
        <v>64</v>
      </c>
      <c r="F17" s="2">
        <v>45104</v>
      </c>
      <c r="G17" s="1" t="s">
        <v>15</v>
      </c>
      <c r="H17" s="4" t="s">
        <v>77</v>
      </c>
      <c r="I17" s="4" t="s">
        <v>76</v>
      </c>
      <c r="J17" s="4" t="s">
        <v>16</v>
      </c>
      <c r="K17" s="1">
        <v>20</v>
      </c>
      <c r="L17" s="4" t="s">
        <v>11</v>
      </c>
      <c r="M17" s="4"/>
    </row>
    <row r="18" spans="1:13" ht="99" x14ac:dyDescent="0.25">
      <c r="A18" s="1" t="s">
        <v>103</v>
      </c>
      <c r="B18" s="5" t="s">
        <v>69</v>
      </c>
      <c r="C18" s="5" t="s">
        <v>66</v>
      </c>
      <c r="D18" s="5" t="s">
        <v>67</v>
      </c>
      <c r="E18" s="5" t="s">
        <v>68</v>
      </c>
      <c r="F18" s="2">
        <v>45106</v>
      </c>
      <c r="G18" s="1" t="s">
        <v>9</v>
      </c>
      <c r="H18" s="4" t="s">
        <v>77</v>
      </c>
      <c r="I18" s="4" t="s">
        <v>76</v>
      </c>
      <c r="J18" s="4" t="s">
        <v>17</v>
      </c>
      <c r="K18" s="1">
        <v>20</v>
      </c>
      <c r="L18" s="4" t="s">
        <v>11</v>
      </c>
      <c r="M18" s="4"/>
    </row>
    <row r="19" spans="1:13" ht="132" x14ac:dyDescent="0.25">
      <c r="A19" s="1" t="s">
        <v>104</v>
      </c>
      <c r="B19" s="5" t="s">
        <v>73</v>
      </c>
      <c r="C19" s="5" t="s">
        <v>70</v>
      </c>
      <c r="D19" s="5" t="s">
        <v>71</v>
      </c>
      <c r="E19" s="5" t="s">
        <v>72</v>
      </c>
      <c r="F19" s="2">
        <v>45107</v>
      </c>
      <c r="G19" s="1" t="s">
        <v>9</v>
      </c>
      <c r="H19" s="4" t="s">
        <v>77</v>
      </c>
      <c r="I19" s="4" t="s">
        <v>76</v>
      </c>
      <c r="J19" s="4" t="s">
        <v>18</v>
      </c>
      <c r="K19" s="1">
        <v>20</v>
      </c>
      <c r="L19" s="4" t="s">
        <v>11</v>
      </c>
      <c r="M19" s="4"/>
    </row>
  </sheetData>
  <mergeCells count="3">
    <mergeCell ref="A9:M9"/>
    <mergeCell ref="A12:M12"/>
    <mergeCell ref="A16:M16"/>
  </mergeCells>
  <phoneticPr fontId="1" type="noConversion"/>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CSR Training Seri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son</dc:creator>
  <cp:lastModifiedBy>Jason LUM</cp:lastModifiedBy>
  <dcterms:created xsi:type="dcterms:W3CDTF">2023-03-29T08:33:55Z</dcterms:created>
  <dcterms:modified xsi:type="dcterms:W3CDTF">2023-06-28T09:54:33Z</dcterms:modified>
</cp:coreProperties>
</file>